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225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2/06 June/"/>
    </mc:Choice>
  </mc:AlternateContent>
  <xr:revisionPtr revIDLastSave="0" documentId="8_{D7CF0EB1-BC63-4019-8055-5FDC3A520E42}" xr6:coauthVersionLast="47" xr6:coauthVersionMax="47" xr10:uidLastSave="{00000000-0000-0000-0000-000000000000}"/>
  <bookViews>
    <workbookView xWindow="-75" yWindow="-16320" windowWidth="29040" windowHeight="15840" xr2:uid="{00000000-000D-0000-FFFF-FFFF00000000}"/>
  </bookViews>
  <sheets>
    <sheet name="ALLNGGTTL" sheetId="1" r:id="rId1"/>
  </sheets>
  <externalReferences>
    <externalReference r:id="rId2"/>
    <externalReference r:id="rId3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1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2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45" uniqueCount="58">
  <si>
    <t>Explore</t>
  </si>
  <si>
    <t/>
  </si>
  <si>
    <t>Widget</t>
  </si>
  <si>
    <t>Layout</t>
  </si>
  <si>
    <t>Portfolio Full Name</t>
  </si>
  <si>
    <t>Portfolio Short Name</t>
  </si>
  <si>
    <t>Date</t>
  </si>
  <si>
    <t>Currency</t>
  </si>
  <si>
    <t>Benchmark</t>
  </si>
  <si>
    <t>Look-through</t>
  </si>
  <si>
    <t>Widget Filter</t>
  </si>
  <si>
    <t>Breakdown</t>
  </si>
  <si>
    <t>Active Exposure by Sector</t>
  </si>
  <si>
    <t>Aquila Life Over 15 Years UK Gilt Index Fund</t>
  </si>
  <si>
    <t>ALLNGGTTL</t>
  </si>
  <si>
    <t>GBP</t>
  </si>
  <si>
    <t>Primary (FTGILT15P)</t>
  </si>
  <si>
    <t>NoCash</t>
  </si>
  <si>
    <t>&lt;Security Group&gt;</t>
  </si>
  <si>
    <t>ISIN</t>
  </si>
  <si>
    <t>Par Value (m)</t>
  </si>
  <si>
    <t>Security Description</t>
  </si>
  <si>
    <t>Market Value</t>
  </si>
  <si>
    <t>BND</t>
  </si>
  <si>
    <t>GB00BM8Z2V59</t>
  </si>
  <si>
    <t>UK CONV GILT      RegS</t>
  </si>
  <si>
    <t>GB00BLPK7334</t>
  </si>
  <si>
    <t>UNITED KINGDOM OF GREAT BRITAIN AN RegS</t>
  </si>
  <si>
    <t>GB00BLH38158</t>
  </si>
  <si>
    <t>GB00BNNGP775</t>
  </si>
  <si>
    <t>GB00BMBL1D50</t>
  </si>
  <si>
    <t>GB00BDCHBW80</t>
  </si>
  <si>
    <t>GB00BMBL1F74</t>
  </si>
  <si>
    <t>GB00BJLR0J16</t>
  </si>
  <si>
    <t>GB00BFMCN652</t>
  </si>
  <si>
    <t>GB00BYYMZX75</t>
  </si>
  <si>
    <t>GB00BJQWYH73</t>
  </si>
  <si>
    <t>GB00BFWFPP71</t>
  </si>
  <si>
    <t>GB00BZB26Y51</t>
  </si>
  <si>
    <t>GB00B39R3707</t>
  </si>
  <si>
    <t>GB00B3KJDS62</t>
  </si>
  <si>
    <t>GB00BD0XH204</t>
  </si>
  <si>
    <t>GB00B6460505</t>
  </si>
  <si>
    <t>GB00BBJNQY21</t>
  </si>
  <si>
    <t>GB00B84Z9V04</t>
  </si>
  <si>
    <t>GB00B128DP45</t>
  </si>
  <si>
    <t>GB00B6RNH572</t>
  </si>
  <si>
    <t>GB00B00NY175</t>
  </si>
  <si>
    <t>GB00BN65R313</t>
  </si>
  <si>
    <t>GB00B1VWPJ53</t>
  </si>
  <si>
    <t>GB00B54QLM75</t>
  </si>
  <si>
    <t>GB00B06YGN05</t>
  </si>
  <si>
    <t>Powered by BlackRock Solutions®</t>
  </si>
  <si>
    <t>GB00BLBDX619</t>
  </si>
  <si>
    <t>Brunel Holdings</t>
  </si>
  <si>
    <t>Disabled</t>
  </si>
  <si>
    <t>30-JUN-2022</t>
  </si>
  <si>
    <t>Confidential - For Internal Use Only. Generated: Jul 07 2022 09:59:16 ED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9" x14ac:knownFonts="1">
    <font>
      <sz val="11"/>
      <color indexed="8"/>
      <name val="Calibri"/>
      <family val="2"/>
      <scheme val="minor"/>
    </font>
    <font>
      <sz val="10"/>
      <color theme="1"/>
      <name val="Arial"/>
      <family val="2"/>
    </font>
    <font>
      <sz val="10"/>
      <name val="Arial"/>
      <family val="2"/>
    </font>
    <font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0"/>
      <name val="Trebuchet MS"/>
      <family val="2"/>
    </font>
    <font>
      <sz val="10"/>
      <color indexed="9"/>
      <name val="Arial"/>
      <family val="2"/>
    </font>
    <font>
      <b/>
      <sz val="11"/>
      <name val="Calibri"/>
      <family val="2"/>
    </font>
    <font>
      <b/>
      <sz val="10"/>
      <name val="Arial"/>
      <family val="2"/>
    </font>
  </fonts>
  <fills count="9">
    <fill>
      <patternFill patternType="none"/>
    </fill>
    <fill>
      <patternFill patternType="gray125"/>
    </fill>
    <fill>
      <patternFill patternType="solid">
        <fgColor rgb="FF008CCF"/>
      </patternFill>
    </fill>
    <fill>
      <patternFill patternType="solid">
        <fgColor rgb="FFDDDACB"/>
      </patternFill>
    </fill>
    <fill>
      <patternFill patternType="solid">
        <fgColor rgb="FFFFFFFF"/>
      </patternFill>
    </fill>
    <fill>
      <patternFill patternType="none">
        <fgColor rgb="FFEBEBEB"/>
      </patternFill>
    </fill>
    <fill>
      <patternFill patternType="solid">
        <fgColor rgb="FFEBEBEB"/>
      </patternFill>
    </fill>
    <fill>
      <patternFill patternType="solid">
        <fgColor rgb="FFB0D1B5"/>
      </patternFill>
    </fill>
    <fill>
      <patternFill patternType="solid">
        <fgColor rgb="FFA5CBAB"/>
      </patternFill>
    </fill>
  </fills>
  <borders count="9">
    <border>
      <left/>
      <right/>
      <top/>
      <bottom/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</borders>
  <cellStyleXfs count="4">
    <xf numFmtId="0" fontId="0" fillId="0" borderId="0"/>
    <xf numFmtId="0" fontId="3" fillId="5" borderId="0"/>
    <xf numFmtId="0" fontId="4" fillId="5" borderId="0"/>
    <xf numFmtId="0" fontId="1" fillId="5" borderId="0"/>
  </cellStyleXfs>
  <cellXfs count="27">
    <xf numFmtId="0" fontId="0" fillId="0" borderId="0" xfId="0"/>
    <xf numFmtId="0" fontId="0" fillId="0" borderId="0" xfId="0"/>
    <xf numFmtId="0" fontId="0" fillId="2" borderId="0" xfId="0" applyFill="1"/>
    <xf numFmtId="0" fontId="6" fillId="2" borderId="0" xfId="0" applyFont="1" applyFill="1"/>
    <xf numFmtId="0" fontId="7" fillId="0" borderId="5" xfId="0" applyFont="1" applyBorder="1" applyAlignment="1">
      <alignment horizontal="center"/>
    </xf>
    <xf numFmtId="0" fontId="7" fillId="0" borderId="4" xfId="0" applyFont="1" applyBorder="1" applyAlignment="1">
      <alignment horizontal="center"/>
    </xf>
    <xf numFmtId="0" fontId="7" fillId="0" borderId="6" xfId="0" applyFont="1" applyBorder="1" applyAlignment="1">
      <alignment horizontal="center"/>
    </xf>
    <xf numFmtId="0" fontId="7" fillId="0" borderId="8" xfId="0" applyFont="1" applyBorder="1" applyAlignment="1">
      <alignment horizontal="center"/>
    </xf>
    <xf numFmtId="0" fontId="7" fillId="0" borderId="7" xfId="0" applyFont="1" applyBorder="1" applyAlignment="1">
      <alignment horizontal="center"/>
    </xf>
    <xf numFmtId="0" fontId="7" fillId="0" borderId="1" xfId="0" applyFont="1" applyBorder="1" applyAlignment="1">
      <alignment horizontal="center"/>
    </xf>
    <xf numFmtId="0" fontId="8" fillId="3" borderId="2" xfId="0" applyFont="1" applyFill="1" applyBorder="1" applyAlignment="1">
      <alignment horizontal="center" wrapText="1"/>
    </xf>
    <xf numFmtId="0" fontId="8" fillId="0" borderId="0" xfId="0" applyFont="1" applyAlignment="1">
      <alignment horizontal="left"/>
    </xf>
    <xf numFmtId="0" fontId="2" fillId="8" borderId="3" xfId="0" applyFont="1" applyFill="1" applyBorder="1" applyAlignment="1">
      <alignment horizontal="left"/>
    </xf>
    <xf numFmtId="164" fontId="2" fillId="8" borderId="3" xfId="0" applyNumberFormat="1" applyFont="1" applyFill="1" applyBorder="1" applyAlignment="1">
      <alignment horizontal="right"/>
    </xf>
    <xf numFmtId="4" fontId="2" fillId="8" borderId="3" xfId="0" applyNumberFormat="1" applyFont="1" applyFill="1" applyBorder="1" applyAlignment="1">
      <alignment horizontal="right"/>
    </xf>
    <xf numFmtId="0" fontId="2" fillId="7" borderId="3" xfId="0" applyFont="1" applyFill="1" applyBorder="1" applyAlignment="1">
      <alignment horizontal="left" indent="1"/>
    </xf>
    <xf numFmtId="164" fontId="2" fillId="7" borderId="3" xfId="0" applyNumberFormat="1" applyFont="1" applyFill="1" applyBorder="1" applyAlignment="1">
      <alignment horizontal="right"/>
    </xf>
    <xf numFmtId="0" fontId="2" fillId="7" borderId="3" xfId="0" applyFont="1" applyFill="1" applyBorder="1" applyAlignment="1">
      <alignment horizontal="left"/>
    </xf>
    <xf numFmtId="4" fontId="2" fillId="7" borderId="3" xfId="0" applyNumberFormat="1" applyFont="1" applyFill="1" applyBorder="1" applyAlignment="1">
      <alignment horizontal="right"/>
    </xf>
    <xf numFmtId="0" fontId="2" fillId="4" borderId="3" xfId="0" applyFont="1" applyFill="1" applyBorder="1" applyAlignment="1">
      <alignment horizontal="left" indent="2"/>
    </xf>
    <xf numFmtId="164" fontId="2" fillId="4" borderId="3" xfId="0" applyNumberFormat="1" applyFont="1" applyFill="1" applyBorder="1" applyAlignment="1">
      <alignment horizontal="right"/>
    </xf>
    <xf numFmtId="0" fontId="2" fillId="4" borderId="3" xfId="0" applyFont="1" applyFill="1" applyBorder="1" applyAlignment="1">
      <alignment horizontal="left"/>
    </xf>
    <xf numFmtId="4" fontId="2" fillId="4" borderId="3" xfId="0" applyNumberFormat="1" applyFont="1" applyFill="1" applyBorder="1" applyAlignment="1">
      <alignment horizontal="right"/>
    </xf>
    <xf numFmtId="164" fontId="2" fillId="6" borderId="3" xfId="0" applyNumberFormat="1" applyFont="1" applyFill="1" applyBorder="1" applyAlignment="1">
      <alignment horizontal="right"/>
    </xf>
    <xf numFmtId="0" fontId="2" fillId="6" borderId="3" xfId="0" applyFont="1" applyFill="1" applyBorder="1" applyAlignment="1">
      <alignment horizontal="left"/>
    </xf>
    <xf numFmtId="4" fontId="2" fillId="6" borderId="3" xfId="0" applyNumberFormat="1" applyFont="1" applyFill="1" applyBorder="1" applyAlignment="1">
      <alignment horizontal="right"/>
    </xf>
    <xf numFmtId="0" fontId="2" fillId="6" borderId="3" xfId="0" applyFont="1" applyFill="1" applyBorder="1" applyAlignment="1">
      <alignment horizontal="left" indent="2"/>
    </xf>
  </cellXfs>
  <cellStyles count="4">
    <cellStyle name="Normal" xfId="0" builtinId="0"/>
    <cellStyle name="Normal 2" xfId="2" xr:uid="{57712C32-6218-49B8-B52C-2022CCD98B68}"/>
    <cellStyle name="Normal 3" xfId="1" xr:uid="{7339DEC5-97C1-43E3-85FF-DEB8ED5B6D79}"/>
    <cellStyle name="Normal 4" xfId="3" xr:uid="{83A549A2-DC62-463E-BBB2-85F6CB546C3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externalLink" Target="externalLinks/externalLink2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Relationship Id="rId9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2"/>
  <dimension ref="A1:J39"/>
  <sheetViews>
    <sheetView tabSelected="1" workbookViewId="0"/>
  </sheetViews>
  <sheetFormatPr defaultColWidth="9.1796875" defaultRowHeight="14.5" x14ac:dyDescent="0.35"/>
  <cols>
    <col min="1" max="1" width="65.26953125" style="1" bestFit="1" customWidth="1"/>
    <col min="2" max="2" width="14.453125" style="1" bestFit="1" customWidth="1"/>
    <col min="3" max="3" width="42.453125" style="1" bestFit="1" customWidth="1"/>
    <col min="4" max="4" width="17.81640625" style="1" customWidth="1"/>
    <col min="5" max="5" width="12.1796875" style="1" customWidth="1"/>
    <col min="6" max="10" width="15" style="1" customWidth="1"/>
    <col min="11" max="16384" width="9.1796875" style="1"/>
  </cols>
  <sheetData>
    <row r="1" spans="1:10" x14ac:dyDescent="0.35">
      <c r="A1" s="3" t="s">
        <v>0</v>
      </c>
      <c r="B1" s="2" t="s">
        <v>1</v>
      </c>
      <c r="C1" s="2" t="s">
        <v>1</v>
      </c>
      <c r="D1" s="2" t="s">
        <v>1</v>
      </c>
      <c r="E1" s="2" t="s">
        <v>1</v>
      </c>
      <c r="F1" s="2" t="s">
        <v>1</v>
      </c>
      <c r="G1" s="2" t="s">
        <v>1</v>
      </c>
      <c r="H1" s="2" t="s">
        <v>1</v>
      </c>
      <c r="I1" s="2" t="s">
        <v>1</v>
      </c>
      <c r="J1" s="2" t="s">
        <v>1</v>
      </c>
    </row>
    <row r="2" spans="1:10" x14ac:dyDescent="0.35">
      <c r="A2" s="1" t="s">
        <v>1</v>
      </c>
      <c r="B2" s="1" t="s">
        <v>1</v>
      </c>
      <c r="C2" s="1" t="s">
        <v>1</v>
      </c>
      <c r="D2" s="1" t="s">
        <v>1</v>
      </c>
      <c r="E2" s="1" t="s">
        <v>1</v>
      </c>
      <c r="F2" s="1" t="s">
        <v>1</v>
      </c>
      <c r="G2" s="1" t="s">
        <v>1</v>
      </c>
      <c r="H2" s="1" t="s">
        <v>1</v>
      </c>
      <c r="I2" s="1" t="s">
        <v>1</v>
      </c>
      <c r="J2" s="1" t="s">
        <v>1</v>
      </c>
    </row>
    <row r="3" spans="1:10" x14ac:dyDescent="0.35">
      <c r="A3" s="4" t="s">
        <v>2</v>
      </c>
      <c r="B3" s="5" t="s">
        <v>3</v>
      </c>
      <c r="C3" s="5" t="s">
        <v>4</v>
      </c>
      <c r="D3" s="5" t="s">
        <v>5</v>
      </c>
      <c r="E3" s="5" t="s">
        <v>6</v>
      </c>
      <c r="F3" s="5" t="s">
        <v>7</v>
      </c>
      <c r="G3" s="5" t="s">
        <v>8</v>
      </c>
      <c r="H3" s="5" t="s">
        <v>9</v>
      </c>
      <c r="I3" s="5" t="s">
        <v>10</v>
      </c>
      <c r="J3" s="6" t="s">
        <v>11</v>
      </c>
    </row>
    <row r="4" spans="1:10" x14ac:dyDescent="0.35">
      <c r="A4" s="7" t="s">
        <v>12</v>
      </c>
      <c r="B4" s="8" t="s">
        <v>54</v>
      </c>
      <c r="C4" s="8" t="s">
        <v>13</v>
      </c>
      <c r="D4" s="8" t="s">
        <v>14</v>
      </c>
      <c r="E4" s="8" t="s">
        <v>56</v>
      </c>
      <c r="F4" s="8" t="s">
        <v>15</v>
      </c>
      <c r="G4" s="8" t="s">
        <v>16</v>
      </c>
      <c r="H4" s="8" t="s">
        <v>55</v>
      </c>
      <c r="I4" s="8" t="s">
        <v>17</v>
      </c>
      <c r="J4" s="9" t="s">
        <v>18</v>
      </c>
    </row>
    <row r="5" spans="1:10" x14ac:dyDescent="0.35">
      <c r="A5" s="1" t="s">
        <v>1</v>
      </c>
      <c r="B5" s="1" t="s">
        <v>1</v>
      </c>
      <c r="C5" s="1" t="s">
        <v>1</v>
      </c>
      <c r="D5" s="1" t="s">
        <v>1</v>
      </c>
      <c r="E5" s="1" t="s">
        <v>1</v>
      </c>
      <c r="F5" s="1" t="s">
        <v>1</v>
      </c>
      <c r="G5" s="1" t="s">
        <v>1</v>
      </c>
      <c r="H5" s="1" t="s">
        <v>1</v>
      </c>
      <c r="I5" s="1" t="s">
        <v>1</v>
      </c>
      <c r="J5" s="1" t="s">
        <v>1</v>
      </c>
    </row>
    <row r="7" spans="1:10" x14ac:dyDescent="0.35">
      <c r="A7" s="10" t="s">
        <v>19</v>
      </c>
      <c r="B7" s="10" t="s">
        <v>20</v>
      </c>
      <c r="C7" s="10" t="s">
        <v>21</v>
      </c>
      <c r="D7" s="10" t="s">
        <v>22</v>
      </c>
      <c r="E7" s="10" t="s">
        <v>7</v>
      </c>
    </row>
    <row r="8" spans="1:10" x14ac:dyDescent="0.35">
      <c r="A8" s="12" t="s">
        <v>14</v>
      </c>
      <c r="B8" s="13">
        <v>875711200</v>
      </c>
      <c r="C8" s="12" t="s">
        <v>1</v>
      </c>
      <c r="D8" s="14">
        <v>887164683.81021428</v>
      </c>
      <c r="E8" s="12" t="s">
        <v>1</v>
      </c>
    </row>
    <row r="9" spans="1:10" x14ac:dyDescent="0.35">
      <c r="A9" s="15" t="s">
        <v>23</v>
      </c>
      <c r="B9" s="16">
        <v>875711200</v>
      </c>
      <c r="C9" s="17" t="s">
        <v>1</v>
      </c>
      <c r="D9" s="18">
        <v>887164683.81021428</v>
      </c>
      <c r="E9" s="17" t="s">
        <v>1</v>
      </c>
    </row>
    <row r="10" spans="1:10" x14ac:dyDescent="0.35">
      <c r="A10" s="19" t="s">
        <v>24</v>
      </c>
      <c r="B10" s="20">
        <v>8540000</v>
      </c>
      <c r="C10" s="21" t="s">
        <v>25</v>
      </c>
      <c r="D10" s="22">
        <v>6675850.1104972372</v>
      </c>
      <c r="E10" s="21" t="s">
        <v>15</v>
      </c>
    </row>
    <row r="11" spans="1:10" x14ac:dyDescent="0.35">
      <c r="A11" s="26" t="s">
        <v>53</v>
      </c>
      <c r="B11" s="23">
        <v>14010000</v>
      </c>
      <c r="C11" s="24" t="s">
        <v>25</v>
      </c>
      <c r="D11" s="25">
        <v>9001739.6557377074</v>
      </c>
      <c r="E11" s="24" t="s">
        <v>15</v>
      </c>
    </row>
    <row r="12" spans="1:10" x14ac:dyDescent="0.35">
      <c r="A12" s="19" t="s">
        <v>26</v>
      </c>
      <c r="B12" s="20">
        <v>16620000</v>
      </c>
      <c r="C12" s="21" t="s">
        <v>27</v>
      </c>
      <c r="D12" s="22">
        <v>13381785.828729281</v>
      </c>
      <c r="E12" s="21" t="s">
        <v>15</v>
      </c>
    </row>
    <row r="13" spans="1:10" x14ac:dyDescent="0.35">
      <c r="A13" s="26" t="s">
        <v>30</v>
      </c>
      <c r="B13" s="23">
        <v>28938300</v>
      </c>
      <c r="C13" s="24" t="s">
        <v>25</v>
      </c>
      <c r="D13" s="25">
        <v>14933413.312240437</v>
      </c>
      <c r="E13" s="24" t="s">
        <v>15</v>
      </c>
    </row>
    <row r="14" spans="1:10" x14ac:dyDescent="0.35">
      <c r="A14" s="19" t="s">
        <v>29</v>
      </c>
      <c r="B14" s="20">
        <v>24038000</v>
      </c>
      <c r="C14" s="21" t="s">
        <v>25</v>
      </c>
      <c r="D14" s="22">
        <v>16743084.550828733</v>
      </c>
      <c r="E14" s="21" t="s">
        <v>15</v>
      </c>
    </row>
    <row r="15" spans="1:10" x14ac:dyDescent="0.35">
      <c r="A15" s="26" t="s">
        <v>28</v>
      </c>
      <c r="B15" s="23">
        <v>25080000</v>
      </c>
      <c r="C15" s="24" t="s">
        <v>25</v>
      </c>
      <c r="D15" s="25">
        <v>18358047.314917132</v>
      </c>
      <c r="E15" s="24" t="s">
        <v>15</v>
      </c>
    </row>
    <row r="16" spans="1:10" x14ac:dyDescent="0.35">
      <c r="A16" s="19" t="s">
        <v>34</v>
      </c>
      <c r="B16" s="20">
        <v>32488000</v>
      </c>
      <c r="C16" s="21" t="s">
        <v>25</v>
      </c>
      <c r="D16" s="22">
        <v>25550626.986885246</v>
      </c>
      <c r="E16" s="21" t="s">
        <v>15</v>
      </c>
    </row>
    <row r="17" spans="1:5" x14ac:dyDescent="0.35">
      <c r="A17" s="26" t="s">
        <v>32</v>
      </c>
      <c r="B17" s="23">
        <v>42974000</v>
      </c>
      <c r="C17" s="24" t="s">
        <v>25</v>
      </c>
      <c r="D17" s="25">
        <v>26264815.478142075</v>
      </c>
      <c r="E17" s="24" t="s">
        <v>15</v>
      </c>
    </row>
    <row r="18" spans="1:5" x14ac:dyDescent="0.35">
      <c r="A18" s="19" t="s">
        <v>33</v>
      </c>
      <c r="B18" s="20">
        <v>33307000</v>
      </c>
      <c r="C18" s="21" t="s">
        <v>25</v>
      </c>
      <c r="D18" s="22">
        <v>26664369.313524589</v>
      </c>
      <c r="E18" s="21" t="s">
        <v>15</v>
      </c>
    </row>
    <row r="19" spans="1:5" x14ac:dyDescent="0.35">
      <c r="A19" s="26" t="s">
        <v>31</v>
      </c>
      <c r="B19" s="23">
        <v>34772000</v>
      </c>
      <c r="C19" s="24" t="s">
        <v>25</v>
      </c>
      <c r="D19" s="25">
        <v>27803287.767955802</v>
      </c>
      <c r="E19" s="24" t="s">
        <v>15</v>
      </c>
    </row>
    <row r="20" spans="1:5" x14ac:dyDescent="0.35">
      <c r="A20" s="19" t="s">
        <v>35</v>
      </c>
      <c r="B20" s="20">
        <v>27495000</v>
      </c>
      <c r="C20" s="21" t="s">
        <v>25</v>
      </c>
      <c r="D20" s="22">
        <v>28346813.328729283</v>
      </c>
      <c r="E20" s="21" t="s">
        <v>15</v>
      </c>
    </row>
    <row r="21" spans="1:5" x14ac:dyDescent="0.35">
      <c r="A21" s="26" t="s">
        <v>41</v>
      </c>
      <c r="B21" s="23">
        <v>40513000</v>
      </c>
      <c r="C21" s="24" t="s">
        <v>25</v>
      </c>
      <c r="D21" s="25">
        <v>33673857.219613262</v>
      </c>
      <c r="E21" s="24" t="s">
        <v>15</v>
      </c>
    </row>
    <row r="22" spans="1:5" x14ac:dyDescent="0.35">
      <c r="A22" s="19" t="s">
        <v>37</v>
      </c>
      <c r="B22" s="20">
        <v>40811000</v>
      </c>
      <c r="C22" s="21" t="s">
        <v>25</v>
      </c>
      <c r="D22" s="22">
        <v>34419495.262154691</v>
      </c>
      <c r="E22" s="21" t="s">
        <v>15</v>
      </c>
    </row>
    <row r="23" spans="1:5" x14ac:dyDescent="0.35">
      <c r="A23" s="26" t="s">
        <v>36</v>
      </c>
      <c r="B23" s="23">
        <v>45276400</v>
      </c>
      <c r="C23" s="24" t="s">
        <v>25</v>
      </c>
      <c r="D23" s="25">
        <v>35997298.714426234</v>
      </c>
      <c r="E23" s="24" t="s">
        <v>15</v>
      </c>
    </row>
    <row r="24" spans="1:5" x14ac:dyDescent="0.35">
      <c r="A24" s="19" t="s">
        <v>43</v>
      </c>
      <c r="B24" s="20">
        <v>27899600</v>
      </c>
      <c r="C24" s="21" t="s">
        <v>25</v>
      </c>
      <c r="D24" s="22">
        <v>36595150.026961327</v>
      </c>
      <c r="E24" s="21" t="s">
        <v>15</v>
      </c>
    </row>
    <row r="25" spans="1:5" x14ac:dyDescent="0.35">
      <c r="A25" s="26" t="s">
        <v>39</v>
      </c>
      <c r="B25" s="23">
        <v>28337000</v>
      </c>
      <c r="C25" s="24" t="s">
        <v>25</v>
      </c>
      <c r="D25" s="25">
        <v>37304832.068579234</v>
      </c>
      <c r="E25" s="24" t="s">
        <v>15</v>
      </c>
    </row>
    <row r="26" spans="1:5" x14ac:dyDescent="0.35">
      <c r="A26" s="19" t="s">
        <v>38</v>
      </c>
      <c r="B26" s="20">
        <v>42521000</v>
      </c>
      <c r="C26" s="21" t="s">
        <v>25</v>
      </c>
      <c r="D26" s="22">
        <v>38250562.818750001</v>
      </c>
      <c r="E26" s="21" t="s">
        <v>15</v>
      </c>
    </row>
    <row r="27" spans="1:5" x14ac:dyDescent="0.35">
      <c r="A27" s="26" t="s">
        <v>40</v>
      </c>
      <c r="B27" s="23">
        <v>32884000</v>
      </c>
      <c r="C27" s="24" t="s">
        <v>25</v>
      </c>
      <c r="D27" s="25">
        <v>40732794.225000001</v>
      </c>
      <c r="E27" s="24" t="s">
        <v>15</v>
      </c>
    </row>
    <row r="28" spans="1:5" x14ac:dyDescent="0.35">
      <c r="A28" s="19" t="s">
        <v>46</v>
      </c>
      <c r="B28" s="20">
        <v>34629000</v>
      </c>
      <c r="C28" s="21" t="s">
        <v>25</v>
      </c>
      <c r="D28" s="22">
        <v>43621243.207458571</v>
      </c>
      <c r="E28" s="21" t="s">
        <v>15</v>
      </c>
    </row>
    <row r="29" spans="1:5" x14ac:dyDescent="0.35">
      <c r="A29" s="26" t="s">
        <v>45</v>
      </c>
      <c r="B29" s="23">
        <v>33967900</v>
      </c>
      <c r="C29" s="24" t="s">
        <v>25</v>
      </c>
      <c r="D29" s="25">
        <v>43827788.319371581</v>
      </c>
      <c r="E29" s="24" t="s">
        <v>15</v>
      </c>
    </row>
    <row r="30" spans="1:5" x14ac:dyDescent="0.35">
      <c r="A30" s="19" t="s">
        <v>42</v>
      </c>
      <c r="B30" s="20">
        <v>35436000</v>
      </c>
      <c r="C30" s="21" t="s">
        <v>25</v>
      </c>
      <c r="D30" s="22">
        <v>43858257.991803281</v>
      </c>
      <c r="E30" s="21" t="s">
        <v>15</v>
      </c>
    </row>
    <row r="31" spans="1:5" x14ac:dyDescent="0.35">
      <c r="A31" s="26" t="s">
        <v>44</v>
      </c>
      <c r="B31" s="23">
        <v>40037000</v>
      </c>
      <c r="C31" s="24" t="s">
        <v>25</v>
      </c>
      <c r="D31" s="25">
        <v>44472241.280386738</v>
      </c>
      <c r="E31" s="24" t="s">
        <v>15</v>
      </c>
    </row>
    <row r="32" spans="1:5" x14ac:dyDescent="0.35">
      <c r="A32" s="19" t="s">
        <v>48</v>
      </c>
      <c r="B32" s="20">
        <v>39678000</v>
      </c>
      <c r="C32" s="21" t="s">
        <v>25</v>
      </c>
      <c r="D32" s="22">
        <v>45926210.844198897</v>
      </c>
      <c r="E32" s="21" t="s">
        <v>15</v>
      </c>
    </row>
    <row r="33" spans="1:5" x14ac:dyDescent="0.35">
      <c r="A33" s="26" t="s">
        <v>47</v>
      </c>
      <c r="B33" s="23">
        <v>36432000</v>
      </c>
      <c r="C33" s="24" t="s">
        <v>25</v>
      </c>
      <c r="D33" s="25">
        <v>47073388.973224044</v>
      </c>
      <c r="E33" s="24" t="s">
        <v>15</v>
      </c>
    </row>
    <row r="34" spans="1:5" x14ac:dyDescent="0.35">
      <c r="A34" s="19" t="s">
        <v>50</v>
      </c>
      <c r="B34" s="20">
        <v>34045000</v>
      </c>
      <c r="C34" s="21" t="s">
        <v>25</v>
      </c>
      <c r="D34" s="22">
        <v>47246597.67403315</v>
      </c>
      <c r="E34" s="21" t="s">
        <v>15</v>
      </c>
    </row>
    <row r="35" spans="1:5" x14ac:dyDescent="0.35">
      <c r="A35" s="26" t="s">
        <v>49</v>
      </c>
      <c r="B35" s="23">
        <v>37956000</v>
      </c>
      <c r="C35" s="24" t="s">
        <v>25</v>
      </c>
      <c r="D35" s="25">
        <v>49142690.99016393</v>
      </c>
      <c r="E35" s="24" t="s">
        <v>15</v>
      </c>
    </row>
    <row r="36" spans="1:5" x14ac:dyDescent="0.35">
      <c r="A36" s="19" t="s">
        <v>51</v>
      </c>
      <c r="B36" s="20">
        <v>37026000</v>
      </c>
      <c r="C36" s="21" t="s">
        <v>25</v>
      </c>
      <c r="D36" s="22">
        <v>51298440.545901641</v>
      </c>
      <c r="E36" s="21" t="s">
        <v>15</v>
      </c>
    </row>
    <row r="37" spans="1:5" x14ac:dyDescent="0.35">
      <c r="A37" s="11" t="s">
        <v>1</v>
      </c>
    </row>
    <row r="38" spans="1:5" x14ac:dyDescent="0.35">
      <c r="A38" s="11" t="s">
        <v>57</v>
      </c>
    </row>
    <row r="39" spans="1:5" x14ac:dyDescent="0.35">
      <c r="A39" s="11" t="s">
        <v>52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5" ma:contentTypeDescription="Create a new document." ma:contentTypeScope="" ma:versionID="36b24c87cf9bdb0f7649617f44d5bdd2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dd0ecd72d15a105813f7fa2f63a27d2a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 xsi:nil="true"/>
    <Level_x0020_2 xmlns="37395777-011c-4d78-851b-5c6800e5b497"/>
    <Topic xmlns="37395777-011c-4d78-851b-5c6800e5b497"/>
    <Audience xmlns="37395777-011c-4d78-851b-5c6800e5b497" xsi:nil="true"/>
    <Personal_x0020_Data xmlns="a06af3a4-65f4-44aa-b975-839a2c88f011">false</Personal_x0020_Data>
    <Classification xmlns="a06af3a4-65f4-44aa-b975-839a2c88f011">Internal Only</Classification>
    <Client xmlns="37395777-011c-4d78-851b-5c6800e5b497" xsi:nil="true"/>
    <TaxCatchAll xmlns="a06af3a4-65f4-44aa-b975-839a2c88f011" xsi:nil="true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B0F99ADB-E54F-4870-A83C-57472AD1B05E}"/>
</file>

<file path=customXml/itemProps2.xml><?xml version="1.0" encoding="utf-8"?>
<ds:datastoreItem xmlns:ds="http://schemas.openxmlformats.org/officeDocument/2006/customXml" ds:itemID="{E60F6115-F379-4F17-850F-60285BEFC707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84E790F-2EA3-49EC-A0EC-3EB5A98E9D28}">
  <ds:schemaRefs>
    <ds:schemaRef ds:uri="http://schemas.microsoft.com/office/infopath/2007/PartnerControls"/>
    <ds:schemaRef ds:uri="http://schemas.openxmlformats.org/package/2006/metadata/core-properties"/>
    <ds:schemaRef ds:uri="http://purl.org/dc/dcmitype/"/>
    <ds:schemaRef ds:uri="http://purl.org/dc/elements/1.1/"/>
    <ds:schemaRef ds:uri="http://schemas.microsoft.com/office/2006/documentManagement/types"/>
    <ds:schemaRef ds:uri="a06af3a4-65f4-44aa-b975-839a2c88f011"/>
    <ds:schemaRef ds:uri="37395777-011c-4d78-851b-5c6800e5b497"/>
    <ds:schemaRef ds:uri="http://purl.org/dc/terms/"/>
    <ds:schemaRef ds:uri="http://schemas.microsoft.com/office/2006/metadata/properti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LNGGTTL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Bethan Jones</cp:lastModifiedBy>
  <dcterms:created xsi:type="dcterms:W3CDTF">2021-11-05T12:48:24Z</dcterms:created>
  <dcterms:modified xsi:type="dcterms:W3CDTF">2022-07-08T08:18:4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